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64729\OneDrive - Cranfield University\Documents\_PhD Cranfield\Conference - 2020 TES Conf\CORD\"/>
    </mc:Choice>
  </mc:AlternateContent>
  <bookViews>
    <workbookView xWindow="0" yWindow="0" windowWidth="28800" windowHeight="11175"/>
  </bookViews>
  <sheets>
    <sheet name="Sheet1" sheetId="1" r:id="rId1"/>
  </sheets>
  <definedNames>
    <definedName name="_Ref40607602" localSheetId="0">Sheet1!$B$2</definedName>
    <definedName name="_Ref40616340" localSheetId="0">Sheet1!$B$21</definedName>
    <definedName name="_Ref40703703" localSheetId="0">Sheet1!$B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9" uniqueCount="79">
  <si>
    <t>Parameter</t>
  </si>
  <si>
    <t>Reading interval</t>
  </si>
  <si>
    <t>Reading error</t>
  </si>
  <si>
    <t>Distribution</t>
  </si>
  <si>
    <t>Mean</t>
  </si>
  <si>
    <t xml:space="preserve">Standard deviation       </t>
  </si>
  <si>
    <t>Min</t>
  </si>
  <si>
    <t xml:space="preserve">Max  </t>
  </si>
  <si>
    <t xml:space="preserve">CV </t>
  </si>
  <si>
    <t>0.1°C</t>
  </si>
  <si>
    <t xml:space="preserve"> -</t>
  </si>
  <si>
    <t>Lognormal</t>
  </si>
  <si>
    <t>5.0°C</t>
  </si>
  <si>
    <t>±2.0°C</t>
  </si>
  <si>
    <t>Normal</t>
  </si>
  <si>
    <t>2.0°C</t>
  </si>
  <si>
    <t>±0.5°C</t>
  </si>
  <si>
    <t>Uniform</t>
  </si>
  <si>
    <t>0.5 bar</t>
  </si>
  <si>
    <t>±1.0 bar</t>
  </si>
  <si>
    <t>±0.3 bar</t>
  </si>
  <si>
    <t>Factor</t>
  </si>
  <si>
    <t>Dist.</t>
  </si>
  <si>
    <t>Ped. score</t>
  </si>
  <si>
    <t>Un. Ind.</t>
  </si>
  <si>
    <t>GSD</t>
  </si>
  <si>
    <t>CV</t>
  </si>
  <si>
    <t>Ln</t>
  </si>
  <si>
    <t>PDF</t>
  </si>
  <si>
    <t>CV comb.</t>
  </si>
  <si>
    <t>CV agg.</t>
  </si>
  <si>
    <t>Ln recorded</t>
  </si>
  <si>
    <t>Ln pedigree</t>
  </si>
  <si>
    <t>Norm. recorded</t>
  </si>
  <si>
    <t>Uni. recorded</t>
  </si>
  <si>
    <t>Data is &lt; 2 months old and/or recorded by fully calibrated sensor or fully qualified person</t>
  </si>
  <si>
    <t>Data is &lt; 6 months old and/or recorded by fully calibrated sensor or fully qualified person</t>
  </si>
  <si>
    <t>Data is &lt; 12 months old and/or recorded by fully qualified person</t>
  </si>
  <si>
    <t>Data is &gt; 12 months old and/or recorded by fully qualified person</t>
  </si>
  <si>
    <t>Age or source of data unknown or &gt; 12 months old</t>
  </si>
  <si>
    <t>Basis of estimate (2)</t>
  </si>
  <si>
    <t>Best possible data, use of historical field data, validated tools and independently verified data, given by fully qualified expert</t>
  </si>
  <si>
    <t>Smaller sample of historic data, parametric estimates, internally verified data, some experience in the area</t>
  </si>
  <si>
    <t>Limited available data, unverified, inexperienced opinions</t>
  </si>
  <si>
    <t>Incomplete data, small sample, educated guesses, indirect approximate rule of thumb estimate</t>
  </si>
  <si>
    <t>No experience in the data</t>
  </si>
  <si>
    <t>Reading accuracy (3)</t>
  </si>
  <si>
    <t>Measurements taken using fully calibrated and accurate equipment:  ±0.1°C, ±0.1 bar</t>
  </si>
  <si>
    <t>Measurements taken using recently calibrated but less accurate equipment: ±0.5°C, ±0.5 bar</t>
  </si>
  <si>
    <t>Measurements taken using recently calibrated but less accurate equipment: &gt;±1.0°C, &gt;±1.0 bar</t>
  </si>
  <si>
    <t>Measurements taken using accurate equipment that may need recalibrating</t>
  </si>
  <si>
    <t>Measurements taken using un-calibrated and inaccurate equipment</t>
  </si>
  <si>
    <t>Environmental conditions (4)</t>
  </si>
  <si>
    <t>Data recorded under specific consistent conditions or a specified range of conditions from area under study</t>
  </si>
  <si>
    <t>Data recorded in generally consistent conditions with fluctuations specified</t>
  </si>
  <si>
    <t>Data recorded in generally consistent conditions, changes not specified</t>
  </si>
  <si>
    <t>Data recorded in a range of unspecified conditions</t>
  </si>
  <si>
    <t>Data from unknown or distinctly different areas</t>
  </si>
  <si>
    <t>Sample size (5)</t>
  </si>
  <si>
    <t>&gt; 20</t>
  </si>
  <si>
    <t>&gt; 10</t>
  </si>
  <si>
    <t>&gt; 5</t>
  </si>
  <si>
    <t>&lt; 5</t>
  </si>
  <si>
    <t>Unknown</t>
  </si>
  <si>
    <t>Factor / score</t>
  </si>
  <si>
    <t>Recorded data and calculated parameters</t>
  </si>
  <si>
    <t>Pedigree criteria</t>
  </si>
  <si>
    <t>Pedigree factors with relating GSD and CV</t>
  </si>
  <si>
    <t>CV aggregation results</t>
  </si>
  <si>
    <r>
      <t>T</t>
    </r>
    <r>
      <rPr>
        <vertAlign val="subscript"/>
        <sz val="11"/>
        <color theme="1"/>
        <rFont val="Arial"/>
        <family val="2"/>
      </rPr>
      <t>1</t>
    </r>
    <r>
      <rPr>
        <sz val="11"/>
        <color theme="1"/>
        <rFont val="Arial"/>
        <family val="2"/>
      </rPr>
      <t>, HEx In (°C)</t>
    </r>
  </si>
  <si>
    <r>
      <t>T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>, HEx Out (°C)</t>
    </r>
  </si>
  <si>
    <r>
      <t>T</t>
    </r>
    <r>
      <rPr>
        <vertAlign val="subscript"/>
        <sz val="11"/>
        <color theme="1"/>
        <rFont val="Arial"/>
        <family val="2"/>
      </rPr>
      <t>3</t>
    </r>
    <r>
      <rPr>
        <sz val="11"/>
        <color theme="1"/>
        <rFont val="Arial"/>
        <family val="2"/>
      </rPr>
      <t>, Temp dial out (°C)</t>
    </r>
  </si>
  <si>
    <r>
      <t>T</t>
    </r>
    <r>
      <rPr>
        <vertAlign val="subscript"/>
        <sz val="11"/>
        <color theme="1"/>
        <rFont val="Arial"/>
        <family val="2"/>
      </rPr>
      <t>4</t>
    </r>
    <r>
      <rPr>
        <sz val="11"/>
        <color theme="1"/>
        <rFont val="Arial"/>
        <family val="2"/>
      </rPr>
      <t>, Temp blower (°C)</t>
    </r>
  </si>
  <si>
    <r>
      <t>P</t>
    </r>
    <r>
      <rPr>
        <vertAlign val="subscript"/>
        <sz val="11"/>
        <color theme="1"/>
        <rFont val="Arial"/>
        <family val="2"/>
      </rPr>
      <t>1</t>
    </r>
    <r>
      <rPr>
        <sz val="11"/>
        <color theme="1"/>
        <rFont val="Arial"/>
        <family val="2"/>
      </rPr>
      <t>, Pressure pre-HEx (bar)</t>
    </r>
  </si>
  <si>
    <r>
      <t>P</t>
    </r>
    <r>
      <rPr>
        <vertAlign val="subscript"/>
        <sz val="11"/>
        <color theme="1"/>
        <rFont val="Arial"/>
        <family val="2"/>
      </rPr>
      <t>2</t>
    </r>
    <r>
      <rPr>
        <sz val="11"/>
        <color theme="1"/>
        <rFont val="Arial"/>
        <family val="2"/>
      </rPr>
      <t>, Pressure post-HEx (bar)</t>
    </r>
  </si>
  <si>
    <r>
      <t>CV</t>
    </r>
    <r>
      <rPr>
        <vertAlign val="subscript"/>
        <sz val="11"/>
        <color theme="1"/>
        <rFont val="Arial"/>
        <family val="2"/>
      </rPr>
      <t>T</t>
    </r>
  </si>
  <si>
    <t>Pedigree matrix uncertainty indicators for all factors</t>
  </si>
  <si>
    <t>Factor / Score</t>
  </si>
  <si>
    <t>Measurement reliability (1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Arial"/>
      <family val="2"/>
    </font>
    <font>
      <b/>
      <sz val="11"/>
      <color theme="1"/>
      <name val="Arial"/>
      <family val="2"/>
    </font>
    <font>
      <vertAlign val="subscript"/>
      <sz val="11"/>
      <color theme="1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</fills>
  <borders count="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12">
    <xf numFmtId="0" fontId="0" fillId="0" borderId="0" xfId="0"/>
    <xf numFmtId="0" fontId="0" fillId="0" borderId="1" xfId="0" applyBorder="1"/>
    <xf numFmtId="0" fontId="0" fillId="0" borderId="0" xfId="0" applyBorder="1"/>
    <xf numFmtId="0" fontId="1" fillId="0" borderId="0" xfId="0" applyFont="1"/>
    <xf numFmtId="0" fontId="0" fillId="2" borderId="2" xfId="0" applyFill="1" applyBorder="1"/>
    <xf numFmtId="0" fontId="0" fillId="2" borderId="2" xfId="0" applyFill="1" applyBorder="1" applyAlignment="1"/>
    <xf numFmtId="0" fontId="0" fillId="0" borderId="0" xfId="0" applyFill="1" applyBorder="1"/>
    <xf numFmtId="0" fontId="0" fillId="0" borderId="0" xfId="0" applyBorder="1" applyAlignment="1">
      <alignment wrapText="1"/>
    </xf>
    <xf numFmtId="0" fontId="0" fillId="0" borderId="3" xfId="0" applyBorder="1"/>
    <xf numFmtId="0" fontId="0" fillId="0" borderId="3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R35"/>
  <sheetViews>
    <sheetView tabSelected="1" workbookViewId="0">
      <selection activeCell="J16" sqref="J16"/>
    </sheetView>
  </sheetViews>
  <sheetFormatPr defaultRowHeight="14.25" x14ac:dyDescent="0.2"/>
  <cols>
    <col min="2" max="2" width="13.625" customWidth="1"/>
    <col min="14" max="18" width="15.625" customWidth="1"/>
  </cols>
  <sheetData>
    <row r="2" spans="2:18" ht="15.75" thickBot="1" x14ac:dyDescent="0.3">
      <c r="B2" s="3" t="s">
        <v>65</v>
      </c>
      <c r="M2" s="3" t="s">
        <v>66</v>
      </c>
    </row>
    <row r="3" spans="2:18" x14ac:dyDescent="0.2">
      <c r="B3" s="4" t="s">
        <v>0</v>
      </c>
      <c r="C3" s="4" t="s">
        <v>1</v>
      </c>
      <c r="D3" s="4" t="s">
        <v>2</v>
      </c>
      <c r="E3" s="4" t="s">
        <v>3</v>
      </c>
      <c r="F3" s="4" t="s">
        <v>4</v>
      </c>
      <c r="G3" s="4" t="s">
        <v>5</v>
      </c>
      <c r="H3" s="4" t="s">
        <v>6</v>
      </c>
      <c r="I3" s="4" t="s">
        <v>7</v>
      </c>
      <c r="J3" s="4" t="s">
        <v>8</v>
      </c>
      <c r="M3" s="4" t="s">
        <v>77</v>
      </c>
      <c r="N3" s="5">
        <v>1</v>
      </c>
      <c r="O3" s="5">
        <v>2</v>
      </c>
      <c r="P3" s="5">
        <v>3</v>
      </c>
      <c r="Q3" s="5">
        <v>4</v>
      </c>
      <c r="R3" s="5">
        <v>5</v>
      </c>
    </row>
    <row r="4" spans="2:18" ht="18.75" customHeight="1" x14ac:dyDescent="0.35">
      <c r="B4" s="2" t="s">
        <v>69</v>
      </c>
      <c r="C4" s="2" t="s">
        <v>9</v>
      </c>
      <c r="D4" s="2" t="s">
        <v>10</v>
      </c>
      <c r="E4" s="2" t="s">
        <v>11</v>
      </c>
      <c r="F4" s="2">
        <v>64.983900000000006</v>
      </c>
      <c r="G4" s="2">
        <v>1.0158</v>
      </c>
      <c r="H4" s="2">
        <v>62.6</v>
      </c>
      <c r="I4" s="2">
        <v>66.2</v>
      </c>
      <c r="J4" s="2">
        <v>1.5699999999999999E-2</v>
      </c>
      <c r="M4" s="2" t="s">
        <v>78</v>
      </c>
      <c r="N4" s="7" t="s">
        <v>35</v>
      </c>
      <c r="O4" s="7" t="s">
        <v>36</v>
      </c>
      <c r="P4" s="7" t="s">
        <v>37</v>
      </c>
      <c r="Q4" s="7" t="s">
        <v>38</v>
      </c>
      <c r="R4" s="7" t="s">
        <v>39</v>
      </c>
    </row>
    <row r="5" spans="2:18" ht="18.75" customHeight="1" x14ac:dyDescent="0.35">
      <c r="B5" s="2" t="s">
        <v>70</v>
      </c>
      <c r="C5" s="2" t="s">
        <v>9</v>
      </c>
      <c r="D5" s="2" t="s">
        <v>10</v>
      </c>
      <c r="E5" s="2" t="s">
        <v>11</v>
      </c>
      <c r="F5" s="2">
        <v>27.488700000000001</v>
      </c>
      <c r="G5" s="2">
        <v>1.028</v>
      </c>
      <c r="H5" s="2">
        <v>26</v>
      </c>
      <c r="I5" s="2">
        <v>28.7</v>
      </c>
      <c r="J5" s="2">
        <v>2.76E-2</v>
      </c>
      <c r="M5" s="2" t="s">
        <v>40</v>
      </c>
      <c r="N5" s="7" t="s">
        <v>41</v>
      </c>
      <c r="O5" s="7" t="s">
        <v>42</v>
      </c>
      <c r="P5" s="7" t="s">
        <v>43</v>
      </c>
      <c r="Q5" s="7" t="s">
        <v>44</v>
      </c>
      <c r="R5" s="7" t="s">
        <v>45</v>
      </c>
    </row>
    <row r="6" spans="2:18" ht="18.75" customHeight="1" x14ac:dyDescent="0.35">
      <c r="B6" s="2" t="s">
        <v>71</v>
      </c>
      <c r="C6" s="2" t="s">
        <v>12</v>
      </c>
      <c r="D6" s="2" t="s">
        <v>13</v>
      </c>
      <c r="E6" s="2" t="s">
        <v>14</v>
      </c>
      <c r="F6" s="2">
        <v>35.833300000000001</v>
      </c>
      <c r="G6" s="2">
        <v>1.8645</v>
      </c>
      <c r="H6" s="2">
        <v>32.5</v>
      </c>
      <c r="I6" s="2">
        <v>37.5</v>
      </c>
      <c r="J6" s="2">
        <v>5.1700000000000003E-2</v>
      </c>
      <c r="M6" s="2" t="s">
        <v>46</v>
      </c>
      <c r="N6" s="7" t="s">
        <v>47</v>
      </c>
      <c r="O6" s="7" t="s">
        <v>48</v>
      </c>
      <c r="P6" s="7" t="s">
        <v>49</v>
      </c>
      <c r="Q6" s="7" t="s">
        <v>50</v>
      </c>
      <c r="R6" s="7" t="s">
        <v>51</v>
      </c>
    </row>
    <row r="7" spans="2:18" ht="18.75" customHeight="1" x14ac:dyDescent="0.35">
      <c r="B7" s="2" t="s">
        <v>72</v>
      </c>
      <c r="C7" s="2" t="s">
        <v>15</v>
      </c>
      <c r="D7" s="2" t="s">
        <v>16</v>
      </c>
      <c r="E7" s="2" t="s">
        <v>17</v>
      </c>
      <c r="F7" s="2">
        <v>18</v>
      </c>
      <c r="G7" s="2">
        <v>0</v>
      </c>
      <c r="H7" s="2">
        <v>18</v>
      </c>
      <c r="I7" s="2">
        <v>18</v>
      </c>
      <c r="J7" s="2">
        <v>0</v>
      </c>
      <c r="M7" s="2" t="s">
        <v>52</v>
      </c>
      <c r="N7" s="7" t="s">
        <v>53</v>
      </c>
      <c r="O7" s="7" t="s">
        <v>54</v>
      </c>
      <c r="P7" s="7" t="s">
        <v>55</v>
      </c>
      <c r="Q7" s="7" t="s">
        <v>56</v>
      </c>
      <c r="R7" s="7" t="s">
        <v>57</v>
      </c>
    </row>
    <row r="8" spans="2:18" ht="18.75" customHeight="1" thickBot="1" x14ac:dyDescent="0.4">
      <c r="B8" s="2" t="s">
        <v>73</v>
      </c>
      <c r="C8" s="2" t="s">
        <v>18</v>
      </c>
      <c r="D8" s="2" t="s">
        <v>19</v>
      </c>
      <c r="E8" s="2" t="s">
        <v>14</v>
      </c>
      <c r="F8" s="2">
        <v>1.7511000000000001</v>
      </c>
      <c r="G8" s="2">
        <v>7.6499999999999999E-2</v>
      </c>
      <c r="H8" s="2">
        <v>1.6</v>
      </c>
      <c r="I8" s="2">
        <v>1.8</v>
      </c>
      <c r="J8" s="2">
        <v>4.3200000000000002E-2</v>
      </c>
      <c r="M8" s="1" t="s">
        <v>58</v>
      </c>
      <c r="N8" s="1" t="s">
        <v>59</v>
      </c>
      <c r="O8" s="1" t="s">
        <v>60</v>
      </c>
      <c r="P8" s="1" t="s">
        <v>61</v>
      </c>
      <c r="Q8" s="1" t="s">
        <v>62</v>
      </c>
      <c r="R8" s="1" t="s">
        <v>63</v>
      </c>
    </row>
    <row r="9" spans="2:18" ht="18.75" customHeight="1" thickBot="1" x14ac:dyDescent="0.4">
      <c r="B9" s="1" t="s">
        <v>74</v>
      </c>
      <c r="C9" s="1" t="s">
        <v>18</v>
      </c>
      <c r="D9" s="1" t="s">
        <v>20</v>
      </c>
      <c r="E9" s="1" t="s">
        <v>17</v>
      </c>
      <c r="F9" s="1">
        <v>0.3</v>
      </c>
      <c r="G9" s="1">
        <v>0</v>
      </c>
      <c r="H9" s="1">
        <v>0.3</v>
      </c>
      <c r="I9" s="1">
        <v>0.3</v>
      </c>
      <c r="J9" s="1">
        <v>0</v>
      </c>
    </row>
    <row r="13" spans="2:18" ht="15.75" thickBot="1" x14ac:dyDescent="0.3">
      <c r="B13" s="3" t="s">
        <v>76</v>
      </c>
    </row>
    <row r="14" spans="2:18" x14ac:dyDescent="0.2">
      <c r="B14" s="4" t="s">
        <v>64</v>
      </c>
      <c r="C14" s="4">
        <v>1</v>
      </c>
      <c r="D14" s="4">
        <v>2</v>
      </c>
      <c r="E14" s="4">
        <v>3</v>
      </c>
      <c r="F14" s="4">
        <v>4</v>
      </c>
      <c r="G14" s="4">
        <v>5</v>
      </c>
    </row>
    <row r="15" spans="2:18" x14ac:dyDescent="0.2">
      <c r="B15" s="2" t="s">
        <v>78</v>
      </c>
      <c r="C15" s="2">
        <v>1</v>
      </c>
      <c r="D15" s="2">
        <v>1.1000000000000001</v>
      </c>
      <c r="E15" s="2">
        <v>1.5</v>
      </c>
      <c r="F15" s="2">
        <v>1.7</v>
      </c>
      <c r="G15" s="2">
        <v>1.9</v>
      </c>
    </row>
    <row r="16" spans="2:18" x14ac:dyDescent="0.2">
      <c r="B16" s="2" t="s">
        <v>40</v>
      </c>
      <c r="C16" s="2">
        <v>1</v>
      </c>
      <c r="D16" s="2">
        <v>1.2</v>
      </c>
      <c r="E16" s="2">
        <v>1.6</v>
      </c>
      <c r="F16" s="2">
        <v>1.8</v>
      </c>
      <c r="G16" s="2">
        <v>1.9</v>
      </c>
    </row>
    <row r="17" spans="2:7" x14ac:dyDescent="0.2">
      <c r="B17" s="2" t="s">
        <v>46</v>
      </c>
      <c r="C17" s="2">
        <v>1</v>
      </c>
      <c r="D17" s="2">
        <v>1.05</v>
      </c>
      <c r="E17" s="2">
        <v>1.1000000000000001</v>
      </c>
      <c r="F17" s="2">
        <v>1.4</v>
      </c>
      <c r="G17" s="2">
        <v>1.8</v>
      </c>
    </row>
    <row r="18" spans="2:7" x14ac:dyDescent="0.2">
      <c r="B18" s="2" t="s">
        <v>52</v>
      </c>
      <c r="C18" s="2">
        <v>1</v>
      </c>
      <c r="D18" s="2">
        <v>1.1000000000000001</v>
      </c>
      <c r="E18" s="2">
        <v>1.4</v>
      </c>
      <c r="F18" s="2">
        <v>1.7</v>
      </c>
      <c r="G18" s="2">
        <v>1.9</v>
      </c>
    </row>
    <row r="19" spans="2:7" ht="15" thickBot="1" x14ac:dyDescent="0.25">
      <c r="B19" s="1" t="s">
        <v>58</v>
      </c>
      <c r="C19" s="1">
        <v>1</v>
      </c>
      <c r="D19" s="1">
        <v>1.2</v>
      </c>
      <c r="E19" s="1">
        <v>1.4</v>
      </c>
      <c r="F19" s="1">
        <v>1.6</v>
      </c>
      <c r="G19" s="1">
        <v>1.9</v>
      </c>
    </row>
    <row r="21" spans="2:7" ht="15.75" thickBot="1" x14ac:dyDescent="0.3">
      <c r="B21" s="3" t="s">
        <v>67</v>
      </c>
    </row>
    <row r="22" spans="2:7" x14ac:dyDescent="0.2">
      <c r="B22" s="4" t="s">
        <v>21</v>
      </c>
      <c r="C22" s="4" t="s">
        <v>22</v>
      </c>
      <c r="D22" s="4" t="s">
        <v>23</v>
      </c>
      <c r="E22" s="4" t="s">
        <v>24</v>
      </c>
      <c r="F22" s="4" t="s">
        <v>25</v>
      </c>
      <c r="G22" s="4" t="s">
        <v>26</v>
      </c>
    </row>
    <row r="23" spans="2:7" x14ac:dyDescent="0.2">
      <c r="B23" s="2" t="s">
        <v>78</v>
      </c>
      <c r="C23" s="6" t="s">
        <v>27</v>
      </c>
      <c r="D23" s="6">
        <v>3</v>
      </c>
      <c r="E23" s="6">
        <v>1.5</v>
      </c>
      <c r="F23" s="6">
        <v>1.2246999999999999</v>
      </c>
      <c r="G23" s="6">
        <v>0.20480000000000001</v>
      </c>
    </row>
    <row r="24" spans="2:7" x14ac:dyDescent="0.2">
      <c r="B24" s="2" t="s">
        <v>40</v>
      </c>
      <c r="C24" s="6" t="s">
        <v>27</v>
      </c>
      <c r="D24" s="6">
        <v>3</v>
      </c>
      <c r="E24" s="6">
        <v>1.6</v>
      </c>
      <c r="F24" s="6">
        <v>1.2648999999999999</v>
      </c>
      <c r="G24" s="6">
        <v>0.23830000000000001</v>
      </c>
    </row>
    <row r="25" spans="2:7" x14ac:dyDescent="0.2">
      <c r="B25" s="2" t="s">
        <v>46</v>
      </c>
      <c r="C25" s="2" t="s">
        <v>27</v>
      </c>
      <c r="D25" s="2">
        <v>2</v>
      </c>
      <c r="E25" s="2">
        <v>1.05</v>
      </c>
      <c r="F25" s="2">
        <v>1.0246999999999999</v>
      </c>
      <c r="G25" s="2">
        <v>2.4400000000000002E-2</v>
      </c>
    </row>
    <row r="26" spans="2:7" x14ac:dyDescent="0.2">
      <c r="B26" s="2" t="s">
        <v>52</v>
      </c>
      <c r="C26" s="2" t="s">
        <v>27</v>
      </c>
      <c r="D26" s="2">
        <v>2</v>
      </c>
      <c r="E26" s="2">
        <v>1.1000000000000001</v>
      </c>
      <c r="F26" s="2">
        <v>1.0488</v>
      </c>
      <c r="G26" s="2">
        <v>4.7699999999999999E-2</v>
      </c>
    </row>
    <row r="27" spans="2:7" ht="15" thickBot="1" x14ac:dyDescent="0.25">
      <c r="B27" s="1" t="s">
        <v>58</v>
      </c>
      <c r="C27" s="1" t="s">
        <v>27</v>
      </c>
      <c r="D27" s="1">
        <v>3</v>
      </c>
      <c r="E27" s="1">
        <v>1.4</v>
      </c>
      <c r="F27" s="1">
        <v>1.1832</v>
      </c>
      <c r="G27" s="1">
        <v>0.1694</v>
      </c>
    </row>
    <row r="30" spans="2:7" ht="15.75" thickBot="1" x14ac:dyDescent="0.3">
      <c r="B30" s="3" t="s">
        <v>68</v>
      </c>
    </row>
    <row r="31" spans="2:7" ht="18.75" x14ac:dyDescent="0.35">
      <c r="B31" s="4" t="s">
        <v>28</v>
      </c>
      <c r="C31" s="4" t="s">
        <v>29</v>
      </c>
      <c r="D31" s="4" t="s">
        <v>30</v>
      </c>
      <c r="E31" s="4" t="s">
        <v>75</v>
      </c>
    </row>
    <row r="32" spans="2:7" x14ac:dyDescent="0.2">
      <c r="B32" s="8" t="s">
        <v>31</v>
      </c>
      <c r="C32" s="8">
        <v>3.1699999999999999E-2</v>
      </c>
      <c r="D32" s="9">
        <v>0.37009999999999998</v>
      </c>
      <c r="E32" s="9">
        <v>0.37619999999999998</v>
      </c>
    </row>
    <row r="33" spans="2:5" x14ac:dyDescent="0.2">
      <c r="B33" s="2" t="s">
        <v>32</v>
      </c>
      <c r="C33" s="2">
        <v>0.36880000000000002</v>
      </c>
      <c r="D33" s="10"/>
      <c r="E33" s="10"/>
    </row>
    <row r="34" spans="2:5" x14ac:dyDescent="0.2">
      <c r="B34" s="2" t="s">
        <v>33</v>
      </c>
      <c r="C34" s="2">
        <v>6.7400000000000002E-2</v>
      </c>
      <c r="D34" s="10">
        <v>6.7599999999999993E-2</v>
      </c>
      <c r="E34" s="10"/>
    </row>
    <row r="35" spans="2:5" ht="15" thickBot="1" x14ac:dyDescent="0.25">
      <c r="B35" s="1" t="s">
        <v>34</v>
      </c>
      <c r="C35" s="1">
        <v>0</v>
      </c>
      <c r="D35" s="11"/>
      <c r="E35" s="11"/>
    </row>
  </sheetData>
  <mergeCells count="3">
    <mergeCell ref="D32:D33"/>
    <mergeCell ref="E32:E35"/>
    <mergeCell ref="D34:D35"/>
  </mergeCell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F07997AD3A3974DB64C4CAB9438FE59" ma:contentTypeVersion="13" ma:contentTypeDescription="Create a new document." ma:contentTypeScope="" ma:versionID="dffa6c51da3d86c22e81a3c7668b2cc4">
  <xsd:schema xmlns:xsd="http://www.w3.org/2001/XMLSchema" xmlns:xs="http://www.w3.org/2001/XMLSchema" xmlns:p="http://schemas.microsoft.com/office/2006/metadata/properties" xmlns:ns3="b02a2e6d-94b9-4d43-8427-e98c51604dce" xmlns:ns4="e9780cab-beab-46ae-8c45-14380e9421e3" targetNamespace="http://schemas.microsoft.com/office/2006/metadata/properties" ma:root="true" ma:fieldsID="b8afab6b970c8adb1489b6c02fe3aa9d" ns3:_="" ns4:_="">
    <xsd:import namespace="b02a2e6d-94b9-4d43-8427-e98c51604dce"/>
    <xsd:import namespace="e9780cab-beab-46ae-8c45-14380e9421e3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3:MediaServiceDateTaken" minOccurs="0"/>
                <xsd:element ref="ns3:MediaServiceLocatio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02a2e6d-94b9-4d43-8427-e98c51604dc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5" nillable="true" ma:displayName="Location" ma:internalName="MediaServiceLocation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9780cab-beab-46ae-8c45-14380e9421e3" elementFormDefault="qualified">
    <xsd:import namespace="http://schemas.microsoft.com/office/2006/documentManagement/types"/>
    <xsd:import namespace="http://schemas.microsoft.com/office/infopath/2007/PartnerControls"/>
    <xsd:element name="SharedWithUsers" ma:index="16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7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8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CD00DF63-6FBF-4469-B947-DFFAF7B7E76F}">
  <ds:schemaRefs>
    <ds:schemaRef ds:uri="e9780cab-beab-46ae-8c45-14380e9421e3"/>
    <ds:schemaRef ds:uri="http://schemas.openxmlformats.org/package/2006/metadata/core-properties"/>
    <ds:schemaRef ds:uri="http://purl.org/dc/terms/"/>
    <ds:schemaRef ds:uri="http://schemas.microsoft.com/office/infopath/2007/PartnerControls"/>
    <ds:schemaRef ds:uri="http://schemas.microsoft.com/office/2006/documentManagement/types"/>
    <ds:schemaRef ds:uri="http://schemas.microsoft.com/office/2006/metadata/properties"/>
    <ds:schemaRef ds:uri="http://purl.org/dc/elements/1.1/"/>
    <ds:schemaRef ds:uri="b02a2e6d-94b9-4d43-8427-e98c51604dce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5F266E7B-9E2E-48A3-A8D8-2566D939AEC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02a2e6d-94b9-4d43-8427-e98c51604dce"/>
    <ds:schemaRef ds:uri="e9780cab-beab-46ae-8c45-14380e9421e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F3A66B5-3C29-4191-8711-22CA523EE9D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3</vt:i4>
      </vt:variant>
    </vt:vector>
  </HeadingPairs>
  <TitlesOfParts>
    <vt:vector size="4" baseType="lpstr">
      <vt:lpstr>Sheet1</vt:lpstr>
      <vt:lpstr>Sheet1!_Ref40607602</vt:lpstr>
      <vt:lpstr>Sheet1!_Ref40616340</vt:lpstr>
      <vt:lpstr>Sheet1!_Ref40703703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renyer, Alex</dc:creator>
  <cp:lastModifiedBy>Grenyer, Alex</cp:lastModifiedBy>
  <dcterms:created xsi:type="dcterms:W3CDTF">2020-09-02T11:34:50Z</dcterms:created>
  <dcterms:modified xsi:type="dcterms:W3CDTF">2020-09-02T12:25:4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F07997AD3A3974DB64C4CAB9438FE59</vt:lpwstr>
  </property>
</Properties>
</file>